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105" d="100"/>
          <a:sy n="105" d="100"/>
        </p:scale>
        <p:origin x="852" y="8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31-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31-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gouda/"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poster, Graphics&#10;&#10;Automatisch gegenereerde beschrijving">
            <a:extLst>
              <a:ext uri="{FF2B5EF4-FFF2-40B4-BE49-F238E27FC236}">
                <a16:creationId xmlns:a16="http://schemas.microsoft.com/office/drawing/2014/main" id="{69C59C82-99F7-B19C-6BD5-C9581DF97DB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7117" y="4560887"/>
            <a:ext cx="1707286" cy="205898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poster, Graphics&#10;&#10;Automatisch gegenereerde beschrijving">
            <a:extLst>
              <a:ext uri="{FF2B5EF4-FFF2-40B4-BE49-F238E27FC236}">
                <a16:creationId xmlns:a16="http://schemas.microsoft.com/office/drawing/2014/main" id="{23FAA1C3-2F26-EF21-A8E7-B1026444F4F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9885" y="3735568"/>
            <a:ext cx="1341600" cy="161797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3</cp:revision>
  <dcterms:created xsi:type="dcterms:W3CDTF">2019-07-30T10:24:44Z</dcterms:created>
  <dcterms:modified xsi:type="dcterms:W3CDTF">2024-05-31T08:08:17Z</dcterms:modified>
</cp:coreProperties>
</file>